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7\Desktop\"/>
    </mc:Choice>
  </mc:AlternateContent>
  <bookViews>
    <workbookView xWindow="0" yWindow="0" windowWidth="19152" windowHeight="8340" activeTab="2"/>
  </bookViews>
  <sheets>
    <sheet name="学部" sheetId="1" r:id="rId1"/>
    <sheet name="修士" sheetId="2" r:id="rId2"/>
    <sheet name="博士" sheetId="3" r:id="rId3"/>
  </sheets>
  <calcPr calcId="0"/>
</workbook>
</file>

<file path=xl/sharedStrings.xml><?xml version="1.0" encoding="utf-8"?>
<sst xmlns="http://schemas.openxmlformats.org/spreadsheetml/2006/main" count="337" uniqueCount="227">
  <si>
    <t>卒業論文</t>
  </si>
  <si>
    <t>近藤光佳</t>
  </si>
  <si>
    <t>味埜教授・佐藤助教授</t>
  </si>
  <si>
    <t>標準活性汚泥法における有機性一時貯蔵物質の挙動</t>
  </si>
  <si>
    <t>水谷司</t>
  </si>
  <si>
    <t>合流式下水管渠生物膜の雨天時流出機構に関する実験室モデル下水管を用いた検討</t>
  </si>
  <si>
    <t>上田章紘</t>
  </si>
  <si>
    <t>味埜教授、佐藤助教授</t>
  </si>
  <si>
    <t>中等教育におけるSustainability教育プログラム導入に関する提案</t>
  </si>
  <si>
    <t>北坂真一</t>
  </si>
  <si>
    <t>小西健太</t>
  </si>
  <si>
    <t>小学校における環境教育の取り組みの現状に関する考察</t>
  </si>
  <si>
    <t>新川貴大</t>
  </si>
  <si>
    <t>環境報告書及び環境会計に見られる建設業界の環境マネジメントのあり方</t>
  </si>
  <si>
    <t>宇田 直樹</t>
  </si>
  <si>
    <t>味埜教授・片山講師</t>
  </si>
  <si>
    <t>木原里沙</t>
  </si>
  <si>
    <t>味埜教授</t>
  </si>
  <si>
    <t>菰田 良介</t>
  </si>
  <si>
    <t xml:space="preserve"> エネルギー消費から見た水の循環利用の妥当性評価</t>
  </si>
  <si>
    <t>末岡 一男</t>
  </si>
  <si>
    <t xml:space="preserve"> 液体培養法を用いた安水処理活性汚泥中の微生物単離の試み</t>
  </si>
  <si>
    <t>山中 佑一</t>
  </si>
  <si>
    <t xml:space="preserve"> 活性汚泥プロセスシミュレーションにBODデータを活用するための検討</t>
  </si>
  <si>
    <t>上釜 明大</t>
  </si>
  <si>
    <t xml:space="preserve"> 日本の下水道の現状と課題・将来像</t>
  </si>
  <si>
    <t>坂下秀和</t>
  </si>
  <si>
    <t>下水処理水中の微生物代謝由来有機物の組成に関する研究</t>
  </si>
  <si>
    <t>張　洪賓</t>
  </si>
  <si>
    <t>下水処理システム中の複合微生物系に関するデータベースの基礎構造設計</t>
  </si>
  <si>
    <t>塚原純哉</t>
  </si>
  <si>
    <t>環境配慮型社会に向けた下水道システム再構築に関する研究</t>
  </si>
  <si>
    <t>市橋修</t>
  </si>
  <si>
    <t>生物学的リン除去活性汚泥におけるアレロパシー作用の検証</t>
  </si>
  <si>
    <t>廣岡佳弥子</t>
  </si>
  <si>
    <t>余剰汚泥削減型活性汚泥プロセス中での懸濁性無機成分の挙動</t>
  </si>
  <si>
    <t>渡辺暁人</t>
  </si>
  <si>
    <t>生物学的リン除去活性汚泥における嫌気的アミノ酸摂取</t>
  </si>
  <si>
    <t>加島広基</t>
  </si>
  <si>
    <t>FISH法による活性汚泥フロック内の微生物空間分布の解析</t>
  </si>
  <si>
    <t>窒素・リン同時除去プロセスにおける脱窒性脱リン菌の積極的利用に関する研究</t>
  </si>
  <si>
    <t>花田茂久</t>
  </si>
  <si>
    <t>廃水処理における微生物による基質蓄積の速度論的解析</t>
  </si>
  <si>
    <t>大坪徹也</t>
  </si>
  <si>
    <t>味埜教授・佐藤講師</t>
  </si>
  <si>
    <t>活性汚泥による有機物代謝における蓄積物質の役割</t>
  </si>
  <si>
    <t>菅健二</t>
  </si>
  <si>
    <t>実下水で馴養した活性汚泥中の硝化に関する動力学定数の評価</t>
  </si>
  <si>
    <t>秋山隆志</t>
  </si>
  <si>
    <t>蛍光プローブ法を用いた下水処理場の微生物動態調査</t>
  </si>
  <si>
    <t>奥田謁夫</t>
  </si>
  <si>
    <t>実下水を用いた系での嫌気好気式活性汚泥法の動力学定数の決定</t>
  </si>
  <si>
    <t>木村友則</t>
  </si>
  <si>
    <t>生物的リン除去活性汚泥の有機物代謝機構に関する実証的検討</t>
  </si>
  <si>
    <t>野村拓哉</t>
  </si>
  <si>
    <t>生物学的リン除去法活性汚泥におけるPHA代謝に関与する酵素活性の測定</t>
  </si>
  <si>
    <t>太田智久</t>
  </si>
  <si>
    <t>松尾教授・味埜助教授</t>
  </si>
  <si>
    <t>嫌気好気活性汚泥法における脱リン菌と非脱リン菌の競合関係の解析</t>
  </si>
  <si>
    <t>小貫元治</t>
  </si>
  <si>
    <t>遺伝子プローブを用いた活性汚泥中の微生物相の解析</t>
  </si>
  <si>
    <t>吉田敏章</t>
  </si>
  <si>
    <t>有機酸発酵と活性汚泥法を組み合わせた生分解性プラスチックの生産の試み</t>
  </si>
  <si>
    <t>鈴木貴博</t>
  </si>
  <si>
    <t>味埜助教授</t>
  </si>
  <si>
    <t>高畠寛生</t>
  </si>
  <si>
    <t xml:space="preserve"> 膜分離と酸素制限を利用した混合微生物系による生物分解性プラスチック生産の効率化</t>
  </si>
  <si>
    <t>山本貴弘</t>
  </si>
  <si>
    <t xml:space="preserve"> 嫌気好気汚泥の有機物代謝にかかわる動力学定数の測定</t>
  </si>
  <si>
    <t>岩本友里奈</t>
  </si>
  <si>
    <t xml:space="preserve"> 嫌気好気法余剰汚泥のPHA生産能力に関する研究</t>
  </si>
  <si>
    <t>栗栖太</t>
  </si>
  <si>
    <t xml:space="preserve"> 食堂厨房排水処理におけるリパーゼを用いた油分前処理の効果</t>
  </si>
  <si>
    <t xml:space="preserve"> IAWQ活性汚泥数学モデルの検証と特性評価</t>
  </si>
  <si>
    <t>庄司　仁</t>
  </si>
  <si>
    <t>窒素・リン同時除去プロセスにおける脱窒性脱リン細菌の役割とその集積条件の検討</t>
  </si>
  <si>
    <t>活性汚泥中におけるPHA蓄積微生物量の直接測定にもとづくActivated Sludge Model No.３の妥当性の評価</t>
  </si>
  <si>
    <t>Chua Adeline Seak May</t>
  </si>
  <si>
    <t>ＦＩＳＨ法による活性汚泥細菌群集の解析～全国の処理施設における細菌群集調査及び糸状 性細菌群集への適用性の検討～</t>
  </si>
  <si>
    <t>活性汚泥の馴致条件がＰＨＡ合成関連酵素の活性に及ぼす影響</t>
  </si>
  <si>
    <t>嫌気好気式活性汚泥法における化学物質を介した生物間相互作用に関する基礎的検討</t>
  </si>
  <si>
    <t>PCR-DGGE法による活性汚泥の微生物群集解析</t>
  </si>
  <si>
    <t>小松和也</t>
  </si>
  <si>
    <t>高率汚泥消化を導入した余剰汚泥削減型活性汚泥法の開発</t>
  </si>
  <si>
    <t>活性汚泥による生分解性プラスチック生産における原料組成及びPHA蓄積微生物集積条件の 検討</t>
  </si>
  <si>
    <t>生物学的栄養塩除去における脱窒性脱リン菌の挙動</t>
  </si>
  <si>
    <t>Wijeyekoon, Suren</t>
  </si>
  <si>
    <t>Fixed Bed Biological Aerated Filtration for Secondary Effluent Polishing</t>
  </si>
  <si>
    <t>高温接触酸化処理法の下水余剰汚泥処理への適用に関する研究</t>
  </si>
  <si>
    <t>小沼晋</t>
  </si>
  <si>
    <t>頭髪の分析によるアマゾン川流域と不知火海沿岸での水銀汚染の危険性評価</t>
  </si>
  <si>
    <t>山本郷史</t>
  </si>
  <si>
    <t>松尾教授</t>
  </si>
  <si>
    <t>リン除去活性汚泥数学モデルの挙動と構造に関する研究</t>
  </si>
  <si>
    <t>佐藤弘泰</t>
  </si>
  <si>
    <t>嫌気好気式生物学的リン除去汚泥の嫌気的有機物摂取機構に関する研究</t>
  </si>
  <si>
    <t>庄司 仁</t>
  </si>
  <si>
    <t>味埜教授･佐藤助教授</t>
  </si>
  <si>
    <t>異なる電子受容体を用いた生物学的窒素・リン除去プロセスにおける処理特性および細菌群集に関する研究</t>
  </si>
  <si>
    <t>花田 茂久</t>
  </si>
  <si>
    <t>ＩＷＡ活性汚泥モデルＮｏ．３へのリン除去予測モジュールの導入とそのキャリブレーション方法の確立</t>
  </si>
  <si>
    <t xml:space="preserve">Study on Operational Parameters and Microbial Population Structure in Coarse Pore Filtration Activated Sludge Process </t>
  </si>
  <si>
    <t>目の粗い濾布を固液分離に用いた活性汚泥法における運転操作因子と微生物群集構造に関する研究</t>
  </si>
  <si>
    <t>小貫 元治</t>
  </si>
  <si>
    <t>PCR-DGGE法を中心とする微生物群集解析手法を用いた生物学的リン除去を担う微生物の検索</t>
  </si>
  <si>
    <t>Munawwar Ali Khan</t>
  </si>
  <si>
    <t>佐藤助教授･味埜教授</t>
  </si>
  <si>
    <t>Isolation, characterization of bacteriophages and their potential significance in activated sludge processes.</t>
  </si>
  <si>
    <t>Suren Wijeyekoon</t>
  </si>
  <si>
    <t xml:space="preserve">Effects of Hydrodynamics and Substrate Loading on Development and Structure of Biofilms </t>
  </si>
  <si>
    <t>水理学的条件における基質負荷が生物膜の形成とその構造に及ぼす影響</t>
  </si>
  <si>
    <t>陳紅</t>
  </si>
  <si>
    <t>Application of Denaturing Gradient Gel Electrophoresis technique to Profile Microbial Community in Activated Sludge Systems</t>
  </si>
  <si>
    <t>活性汚泥法微生物群集解析への変性剤濃度勾配ゲル電気泳動法の適用</t>
  </si>
  <si>
    <t>分子生物学的手法を中心にしたアンモニア酸化細菌定量手法の実用性評価</t>
  </si>
  <si>
    <t>高温接触酸化廃水処理法における微生物群集構造の解析</t>
  </si>
  <si>
    <t xml:space="preserve">I Made Sudiana </t>
  </si>
  <si>
    <t xml:space="preserve"> Complex Microbial Community and Its Metabolisms in Enhanced Biological Phosphorus Removal Processes</t>
  </si>
  <si>
    <t>生物学的リン除去プロセスにおける複合微生物系とその代謝</t>
  </si>
  <si>
    <t xml:space="preserve"> Chemically and Thermally Solubilized Sludge Hydrolysate as a Carbon Source for Denitrification</t>
  </si>
  <si>
    <t>化学的手法および熱分解により可溶化した汚泥の脱窒有機物源としての利用</t>
  </si>
  <si>
    <t xml:space="preserve">Goel, Rajeev </t>
  </si>
  <si>
    <t xml:space="preserve"> Extracellular Enzymatic Hydrolysis of Macromolecules in Nutrient Removal Activated Sludge Processes</t>
  </si>
  <si>
    <t>劉文佐</t>
  </si>
  <si>
    <t xml:space="preserve"> Function, Dynamics, and Diversity of Microbial Population in Anaerobic-aerobic Activated Sludge Processes for Biological Phosphorus Removal</t>
  </si>
  <si>
    <t>活性汚泥による生分解性プラスチック(PHA)生産の影響因子に関する検討及びその実用性評価</t>
    <phoneticPr fontId="18"/>
  </si>
  <si>
    <t xml:space="preserve"> Study of Hydrolysis of Slowly Biodegradable COD (SBCOD)under Aerobic, Anoxic and Anaerobic Conditions in Activated Sludge Process</t>
    <phoneticPr fontId="18"/>
  </si>
  <si>
    <t xml:space="preserve"> An Investigation of Mechanism and Favourable Operating Conditions of Microaerophilic Upflow Sludge Bed Reactor (MUSB) for Secondary Wastewater Treatment Process</t>
    <phoneticPr fontId="18"/>
  </si>
  <si>
    <t>学位取得年月</t>
    <rPh sb="0" eb="2">
      <t>ガクイ</t>
    </rPh>
    <rPh sb="2" eb="4">
      <t>シュトク</t>
    </rPh>
    <rPh sb="4" eb="6">
      <t>ネンゲツ</t>
    </rPh>
    <phoneticPr fontId="18"/>
  </si>
  <si>
    <t>氏名</t>
    <rPh sb="0" eb="2">
      <t>シメイ</t>
    </rPh>
    <phoneticPr fontId="18"/>
  </si>
  <si>
    <t>指導教員</t>
    <rPh sb="0" eb="2">
      <t>シドウ</t>
    </rPh>
    <rPh sb="2" eb="4">
      <t>キョウイン</t>
    </rPh>
    <phoneticPr fontId="18"/>
  </si>
  <si>
    <t>題名</t>
    <rPh sb="0" eb="2">
      <t>ダイメイ</t>
    </rPh>
    <phoneticPr fontId="18"/>
  </si>
  <si>
    <t>訳題</t>
    <rPh sb="0" eb="1">
      <t>ヤク</t>
    </rPh>
    <rPh sb="1" eb="2">
      <t>ダイ</t>
    </rPh>
    <phoneticPr fontId="18"/>
  </si>
  <si>
    <t>Production of Polyhydroxyalkanoates (PHA) by Activated Sludge Treating Municipal Wastewater</t>
    <phoneticPr fontId="18"/>
  </si>
  <si>
    <t>都市下水処理活性汚泥によるポリヒドロキシアルカノエイト(PHA)の生産</t>
    <phoneticPr fontId="18"/>
  </si>
  <si>
    <t>微好気－好気法を用いた混合培養系での生分解性プラスチック (Polyhydroxyalkanoate)の生産</t>
    <phoneticPr fontId="18"/>
  </si>
  <si>
    <t>ポリリン酸蓄積細菌Microlunatus phosphovorusを溶菌するバクテリオファージ(φMP2)のゲノム解析</t>
    <phoneticPr fontId="18"/>
  </si>
  <si>
    <t xml:space="preserve"> 下水道資源(処理水・汚泥・熱・空間)の多目的利用の現状と汚泥利用のエネルギー評価</t>
    <phoneticPr fontId="18"/>
  </si>
  <si>
    <t>FISH法を用いた実処理場の生物学的リン除去プロセスにおける微生物群集構造解析</t>
    <phoneticPr fontId="18"/>
  </si>
  <si>
    <t>東京大学における環境教育プログラムの実態と検討　－スウェーデンChalmers大学との比較に おいて－</t>
    <phoneticPr fontId="18"/>
  </si>
  <si>
    <t>スウェーデンにおけるバックキャスティング型環境政策の評価</t>
  </si>
  <si>
    <t>地方自治体におけるISO14001の導入効果の検討</t>
  </si>
  <si>
    <t>し尿コンポストに対する人々の意識調査</t>
  </si>
  <si>
    <t>MALDI-TOFMSを用いた活性汚泥微生物群集構造一斉解析手法の開発</t>
  </si>
  <si>
    <t>ScilabによるASM1の計算補助ツールの作成</t>
  </si>
  <si>
    <t>近代水道黎明期における地方都市の水道建設-曽谷水道と多田野水道にみるその特色と背景-</t>
  </si>
  <si>
    <t>小規模集落における集中型及び分散型排水処理システムのLCE、LCCO2 に基づく評価</t>
  </si>
  <si>
    <t>サステナビリティに関わるＮＰＯの現状と課題</t>
  </si>
  <si>
    <t>震災関連枠</t>
  </si>
  <si>
    <t>質的データ分析を用いた震災前後におけるエネルギー需給に関する論点の可視化</t>
  </si>
  <si>
    <t>ボランティア等における災害復興支援活動体制の在り方について</t>
  </si>
  <si>
    <t>統計データを用いた下水汚泥処理コストの分析</t>
  </si>
  <si>
    <t>環境配慮行動の規定因についての考察</t>
  </si>
  <si>
    <t>嫌気性消化とコンポストを組み合わせた下水汚泥処理システムの効果・可能性についての評価</t>
  </si>
  <si>
    <t>ポテンシャルマップを用いた下水道未利用エネルギーの可視化</t>
  </si>
  <si>
    <t>激甚災害を想定した事前復興計画の有効性に関する考察-岩手県上閉伊郡大槌町を対象に-</t>
  </si>
  <si>
    <t>空気との間欠的な接触を利用した有機性汚濁物質の酸化分解</t>
  </si>
  <si>
    <t>小・中学校における環境教育の実践例の評価に関する研究</t>
  </si>
  <si>
    <t>浄化機能付き下水管におけるミミズを含む無脊椎動物の環境DNAを用いた検出</t>
  </si>
  <si>
    <t>柏市下水道管渠の更新計画に関する研究</t>
  </si>
  <si>
    <t>いろんな乗り物”街乗り！”シェアリングから考える柏の葉キャンパス地域における交通の課題と対策</t>
  </si>
  <si>
    <t>間欠接触酸化の原理を用いた下水処理における有機物除去と硫化物の挙動</t>
  </si>
  <si>
    <t>岩手県宮古市田老地区における防潮堤建設に関する費用便益分析</t>
  </si>
  <si>
    <t>汚水処理方法としての浄化管の評価と、大都市近郊における浄化管導入のケーススタディ</t>
  </si>
  <si>
    <t>加熱式調理器具による室内空気汚染・健康影響に関する言説と途上国におけるかまど改善事業の関係について</t>
  </si>
  <si>
    <t>海岸保全施設整備と防災移転の費用便益分析を通した津波減災のあり方の検討　－大槌町と浜松市を事例として－</t>
    <phoneticPr fontId="18"/>
  </si>
  <si>
    <t>管路内下水浄化技術の浴場排水への適用検討</t>
    <phoneticPr fontId="18"/>
  </si>
  <si>
    <t>山本知広</t>
  </si>
  <si>
    <t>吉永健太朗</t>
  </si>
  <si>
    <t>石井敦</t>
  </si>
  <si>
    <t>岩尾拓哉</t>
  </si>
  <si>
    <t>藤原聡美</t>
  </si>
  <si>
    <t>鈴木雄樹</t>
  </si>
  <si>
    <t>横山誠宏</t>
  </si>
  <si>
    <t>石原潤</t>
  </si>
  <si>
    <t>澤野井隆之</t>
  </si>
  <si>
    <t>椎名友雄</t>
  </si>
  <si>
    <t>林典宏</t>
  </si>
  <si>
    <t>勝野真輝</t>
  </si>
  <si>
    <t>黒木雄介</t>
  </si>
  <si>
    <t>海野文希</t>
  </si>
  <si>
    <t>小野航</t>
  </si>
  <si>
    <t>小谷津亮</t>
  </si>
  <si>
    <t>塩谷健太郎</t>
  </si>
  <si>
    <t>明村聖加</t>
  </si>
  <si>
    <t>坂口大樹</t>
  </si>
  <si>
    <t>岩上和洋</t>
  </si>
  <si>
    <t>内田晃弘</t>
  </si>
  <si>
    <t>片岡良将</t>
  </si>
  <si>
    <t>徳永祐一</t>
  </si>
  <si>
    <t>芝尾茉利子</t>
  </si>
  <si>
    <t>角野晃広</t>
  </si>
  <si>
    <t>奥田啓介</t>
  </si>
  <si>
    <t>松尾教授</t>
    <phoneticPr fontId="18"/>
  </si>
  <si>
    <t>松澤裕</t>
    <rPh sb="0" eb="2">
      <t>マツザワ</t>
    </rPh>
    <rPh sb="2" eb="3">
      <t>ヒロシ</t>
    </rPh>
    <phoneticPr fontId="18"/>
  </si>
  <si>
    <t>味埜講師</t>
    <rPh sb="0" eb="1">
      <t>ミ</t>
    </rPh>
    <rPh sb="1" eb="2">
      <t>ノ</t>
    </rPh>
    <rPh sb="2" eb="4">
      <t>コウシ</t>
    </rPh>
    <phoneticPr fontId="18"/>
  </si>
  <si>
    <t>Role of Glycogen Reservation Capacity of Activated Sludge in the Suppression of Filamentous Bacteria</t>
    <phoneticPr fontId="18"/>
  </si>
  <si>
    <t>都筑良明</t>
    <rPh sb="0" eb="2">
      <t>ツズキ</t>
    </rPh>
    <rPh sb="2" eb="4">
      <t>ヨシアキ</t>
    </rPh>
    <phoneticPr fontId="18"/>
  </si>
  <si>
    <t>嫌気好気式活性汚泥法の培養条件のリン除去及び細菌相に及ぼす影響</t>
    <rPh sb="0" eb="2">
      <t>ケンキ</t>
    </rPh>
    <rPh sb="2" eb="4">
      <t>コウキ</t>
    </rPh>
    <rPh sb="4" eb="5">
      <t>シキ</t>
    </rPh>
    <rPh sb="5" eb="7">
      <t>カッセイ</t>
    </rPh>
    <rPh sb="7" eb="9">
      <t>オデイ</t>
    </rPh>
    <rPh sb="9" eb="10">
      <t>ホウ</t>
    </rPh>
    <rPh sb="11" eb="13">
      <t>バイヨウ</t>
    </rPh>
    <rPh sb="13" eb="15">
      <t>ジョウケン</t>
    </rPh>
    <rPh sb="18" eb="20">
      <t>ジョキョ</t>
    </rPh>
    <rPh sb="20" eb="21">
      <t>オヨ</t>
    </rPh>
    <rPh sb="22" eb="24">
      <t>サイキン</t>
    </rPh>
    <rPh sb="24" eb="25">
      <t>ソウ</t>
    </rPh>
    <rPh sb="26" eb="27">
      <t>オヨ</t>
    </rPh>
    <rPh sb="29" eb="31">
      <t>エイキョウ</t>
    </rPh>
    <phoneticPr fontId="18"/>
  </si>
  <si>
    <t>Viswanath Arun</t>
    <phoneticPr fontId="18"/>
  </si>
  <si>
    <t>Biological Pathway of Organic Substrate Utilization during the Anaerobic Phase of the Enhanced Bioligical Phosphorus Removal Process</t>
    <phoneticPr fontId="18"/>
  </si>
  <si>
    <t xml:space="preserve">Aravinthan Vasanthadevi </t>
    <phoneticPr fontId="18"/>
  </si>
  <si>
    <t>堀晃士</t>
    <phoneticPr fontId="18"/>
  </si>
  <si>
    <t>岩本友里奈</t>
    <phoneticPr fontId="18"/>
  </si>
  <si>
    <t>太田智久</t>
    <phoneticPr fontId="18"/>
  </si>
  <si>
    <t>野村拓哉</t>
    <phoneticPr fontId="18"/>
  </si>
  <si>
    <t>庄司仁</t>
    <phoneticPr fontId="18"/>
  </si>
  <si>
    <t>Alavi Moghaddam Seyed Mohammad Reza</t>
    <phoneticPr fontId="18"/>
  </si>
  <si>
    <t xml:space="preserve">Delfin C. San Pedro, </t>
    <phoneticPr fontId="18"/>
  </si>
  <si>
    <t>Sanjay Arora</t>
    <phoneticPr fontId="18"/>
  </si>
  <si>
    <t>嫌気好気法により生成されるリン蓄積汚泥のグルタミン酸代謝に関する研究</t>
    <rPh sb="0" eb="2">
      <t>ケンキ</t>
    </rPh>
    <rPh sb="2" eb="4">
      <t>コウキ</t>
    </rPh>
    <rPh sb="4" eb="5">
      <t>ホウ</t>
    </rPh>
    <rPh sb="8" eb="10">
      <t>セイセイ</t>
    </rPh>
    <rPh sb="15" eb="17">
      <t>チクセキ</t>
    </rPh>
    <rPh sb="17" eb="19">
      <t>オデイ</t>
    </rPh>
    <rPh sb="25" eb="26">
      <t>サン</t>
    </rPh>
    <rPh sb="26" eb="28">
      <t>タイシャ</t>
    </rPh>
    <rPh sb="29" eb="30">
      <t>カン</t>
    </rPh>
    <rPh sb="32" eb="34">
      <t>ケンキュウ</t>
    </rPh>
    <phoneticPr fontId="18"/>
  </si>
  <si>
    <t>博士論文</t>
    <phoneticPr fontId="18"/>
  </si>
  <si>
    <t>佐久間夏美</t>
    <rPh sb="0" eb="3">
      <t>サクマ</t>
    </rPh>
    <rPh sb="3" eb="5">
      <t>ナツミ</t>
    </rPh>
    <phoneticPr fontId="18"/>
  </si>
  <si>
    <t>古川善照</t>
    <rPh sb="0" eb="2">
      <t>フルカワ</t>
    </rPh>
    <rPh sb="2" eb="4">
      <t>ヨシテル</t>
    </rPh>
    <phoneticPr fontId="18"/>
  </si>
  <si>
    <t>スウェーデンと日本におけるスマートシティ研究の比較：内容分析とビブリオメトリックス分析（共引用分析）を用いて</t>
    <rPh sb="7" eb="9">
      <t>ニホン</t>
    </rPh>
    <rPh sb="20" eb="22">
      <t>ケンキュウ</t>
    </rPh>
    <rPh sb="23" eb="25">
      <t>ヒカク</t>
    </rPh>
    <rPh sb="26" eb="28">
      <t>ナイヨウ</t>
    </rPh>
    <rPh sb="28" eb="30">
      <t>ブンセキ</t>
    </rPh>
    <rPh sb="41" eb="43">
      <t>ブンセキ</t>
    </rPh>
    <rPh sb="44" eb="45">
      <t>キョウ</t>
    </rPh>
    <rPh sb="45" eb="47">
      <t>インヨウ</t>
    </rPh>
    <rPh sb="47" eb="49">
      <t>ブンセキ</t>
    </rPh>
    <rPh sb="51" eb="52">
      <t>モチ</t>
    </rPh>
    <phoneticPr fontId="18"/>
  </si>
  <si>
    <t>修士論文</t>
    <phoneticPr fontId="18"/>
  </si>
  <si>
    <t>上野俊洋</t>
    <rPh sb="0" eb="2">
      <t>ウエノ</t>
    </rPh>
    <rPh sb="2" eb="4">
      <t>トシヒロ</t>
    </rPh>
    <phoneticPr fontId="18"/>
  </si>
  <si>
    <t>岡田清</t>
    <rPh sb="0" eb="2">
      <t>オカダ</t>
    </rPh>
    <rPh sb="2" eb="3">
      <t>キヨシ</t>
    </rPh>
    <phoneticPr fontId="18"/>
  </si>
  <si>
    <t>大橋厚志</t>
    <rPh sb="0" eb="2">
      <t>オオハシ</t>
    </rPh>
    <rPh sb="2" eb="4">
      <t>アツシ</t>
    </rPh>
    <phoneticPr fontId="18"/>
  </si>
  <si>
    <t>味埜教授・佐藤准教授</t>
    <rPh sb="7" eb="8">
      <t>ジュン</t>
    </rPh>
    <phoneticPr fontId="18"/>
  </si>
  <si>
    <t>味埜教授</t>
    <phoneticPr fontId="18"/>
  </si>
  <si>
    <t>味埜教授・小貫准教授</t>
    <rPh sb="0" eb="1">
      <t>アジ</t>
    </rPh>
    <rPh sb="1" eb="2">
      <t>ノ</t>
    </rPh>
    <rPh sb="5" eb="7">
      <t>オヌキ</t>
    </rPh>
    <phoneticPr fontId="21"/>
  </si>
  <si>
    <t>味埜教授・佐藤准教授・小貫准教授</t>
    <rPh sb="0" eb="1">
      <t>アジ</t>
    </rPh>
    <rPh sb="1" eb="2">
      <t>ノ</t>
    </rPh>
    <rPh sb="5" eb="7">
      <t>サトウ</t>
    </rPh>
    <rPh sb="7" eb="10">
      <t>ジュンキョウジュ</t>
    </rPh>
    <rPh sb="11" eb="13">
      <t>オヌキ</t>
    </rPh>
    <phoneticPr fontId="21"/>
  </si>
  <si>
    <t>地方行政におけるまちづくり政策へのＳＤＧsの応用に関する研究</t>
    <rPh sb="0" eb="2">
      <t>チホウ</t>
    </rPh>
    <rPh sb="2" eb="4">
      <t>ギョウセイ</t>
    </rPh>
    <rPh sb="13" eb="15">
      <t>セイサク</t>
    </rPh>
    <rPh sb="22" eb="24">
      <t>オウヨウ</t>
    </rPh>
    <rPh sb="25" eb="26">
      <t>カン</t>
    </rPh>
    <rPh sb="28" eb="30">
      <t>ケンキュウ</t>
    </rPh>
    <phoneticPr fontId="18"/>
  </si>
  <si>
    <t>味埜講師</t>
    <rPh sb="0" eb="1">
      <t>ミ</t>
    </rPh>
    <rPh sb="1" eb="2">
      <t>ノ</t>
    </rPh>
    <rPh sb="2" eb="4">
      <t>コウシ</t>
    </rPh>
    <phoneticPr fontId="18"/>
  </si>
  <si>
    <t>試験紙法による下水処理水着臭機構の解明</t>
    <rPh sb="0" eb="3">
      <t>シケンシ</t>
    </rPh>
    <rPh sb="3" eb="4">
      <t>ホウ</t>
    </rPh>
    <rPh sb="7" eb="9">
      <t>ゲスイ</t>
    </rPh>
    <rPh sb="9" eb="11">
      <t>ショリ</t>
    </rPh>
    <rPh sb="11" eb="12">
      <t>スイ</t>
    </rPh>
    <rPh sb="12" eb="13">
      <t>チャク</t>
    </rPh>
    <rPh sb="13" eb="14">
      <t>シュウ</t>
    </rPh>
    <rPh sb="14" eb="16">
      <t>キコウ</t>
    </rPh>
    <rPh sb="17" eb="19">
      <t>カイメイ</t>
    </rPh>
    <phoneticPr fontId="18"/>
  </si>
  <si>
    <t>嫌気好気式活性汚泥法における嫌気的有機物摂取に関する基礎的研究</t>
  </si>
</sst>
</file>

<file path=xl/styles.xml><?xml version="1.0" encoding="utf-8"?>
<styleSheet xmlns="http://schemas.openxmlformats.org/spreadsheetml/2006/main" xmlns:mc="http://schemas.openxmlformats.org/markup-compatibility/2006" xmlns:x14ac="http://schemas.microsoft.com/office/spreadsheetml/2009/9/ac" mc:Ignorable="x14ac">
  <fonts count="22">
    <font>
      <sz val="11"/>
      <color theme="1"/>
      <name val="Calibri"/>
      <family val="2"/>
      <charset val="128"/>
      <scheme val="minor"/>
    </font>
    <font>
      <sz val="11"/>
      <color theme="1"/>
      <name val="Calibri"/>
      <family val="2"/>
      <charset val="128"/>
      <scheme val="minor"/>
    </font>
    <font>
      <sz val="18"/>
      <color theme="3"/>
      <name val="Calibri Light"/>
      <family val="2"/>
      <charset val="128"/>
      <scheme val="major"/>
    </font>
    <font>
      <b/>
      <sz val="15"/>
      <color theme="3"/>
      <name val="Calibri"/>
      <family val="2"/>
      <charset val="128"/>
      <scheme val="minor"/>
    </font>
    <font>
      <b/>
      <sz val="13"/>
      <color theme="3"/>
      <name val="Calibri"/>
      <family val="2"/>
      <charset val="128"/>
      <scheme val="minor"/>
    </font>
    <font>
      <b/>
      <sz val="11"/>
      <color theme="3"/>
      <name val="Calibri"/>
      <family val="2"/>
      <charset val="128"/>
      <scheme val="minor"/>
    </font>
    <font>
      <sz val="11"/>
      <color rgb="FF006100"/>
      <name val="Calibri"/>
      <family val="2"/>
      <charset val="128"/>
      <scheme val="minor"/>
    </font>
    <font>
      <sz val="11"/>
      <color rgb="FF9C0006"/>
      <name val="Calibri"/>
      <family val="2"/>
      <charset val="128"/>
      <scheme val="minor"/>
    </font>
    <font>
      <sz val="11"/>
      <color rgb="FF9C5700"/>
      <name val="Calibri"/>
      <family val="2"/>
      <charset val="128"/>
      <scheme val="minor"/>
    </font>
    <font>
      <sz val="11"/>
      <color rgb="FF3F3F76"/>
      <name val="Calibri"/>
      <family val="2"/>
      <charset val="128"/>
      <scheme val="minor"/>
    </font>
    <font>
      <b/>
      <sz val="11"/>
      <color rgb="FF3F3F3F"/>
      <name val="Calibri"/>
      <family val="2"/>
      <charset val="128"/>
      <scheme val="minor"/>
    </font>
    <font>
      <b/>
      <sz val="11"/>
      <color rgb="FFFA7D00"/>
      <name val="Calibri"/>
      <family val="2"/>
      <charset val="128"/>
      <scheme val="minor"/>
    </font>
    <font>
      <sz val="11"/>
      <color rgb="FFFA7D00"/>
      <name val="Calibri"/>
      <family val="2"/>
      <charset val="128"/>
      <scheme val="minor"/>
    </font>
    <font>
      <b/>
      <sz val="11"/>
      <color theme="0"/>
      <name val="Calibri"/>
      <family val="2"/>
      <charset val="128"/>
      <scheme val="minor"/>
    </font>
    <font>
      <sz val="11"/>
      <color rgb="FFFF0000"/>
      <name val="Calibri"/>
      <family val="2"/>
      <charset val="128"/>
      <scheme val="minor"/>
    </font>
    <font>
      <i/>
      <sz val="11"/>
      <color rgb="FF7F7F7F"/>
      <name val="Calibri"/>
      <family val="2"/>
      <charset val="128"/>
      <scheme val="minor"/>
    </font>
    <font>
      <b/>
      <sz val="11"/>
      <color theme="1"/>
      <name val="Calibri"/>
      <family val="2"/>
      <charset val="128"/>
      <scheme val="minor"/>
    </font>
    <font>
      <sz val="11"/>
      <color theme="0"/>
      <name val="Calibri"/>
      <family val="2"/>
      <charset val="128"/>
      <scheme val="minor"/>
    </font>
    <font>
      <sz val="6"/>
      <name val="Calibri"/>
      <family val="2"/>
      <charset val="128"/>
      <scheme val="minor"/>
    </font>
    <font>
      <sz val="11"/>
      <name val="Calibri"/>
      <family val="2"/>
      <charset val="128"/>
      <scheme val="minor"/>
    </font>
    <font>
      <sz val="11"/>
      <name val="Calibri"/>
      <family val="3"/>
      <charset val="128"/>
      <scheme val="minor"/>
    </font>
    <font>
      <b/>
      <sz val="18"/>
      <color theme="3"/>
      <name val="Calibri Light"/>
      <family val="2"/>
      <charset val="128"/>
      <scheme val="major"/>
    </font>
  </fonts>
  <fills count="33">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alignment vertical="center"/>
    </xf>
    <xf numFmtId="0" fontId="2" fillId="0" borderId="0" applyNumberFormat="0" applyFill="0" applyBorder="0" applyAlignment="0" applyProtection="0">
      <alignment vertical="center"/>
    </xf>
    <xf numFmtId="0" fontId="3" fillId="0" borderId="1" applyNumberFormat="0" applyFill="0" applyAlignment="0" applyProtection="0">
      <alignment vertical="center"/>
    </xf>
    <xf numFmtId="0" fontId="4" fillId="0" borderId="2" applyNumberFormat="0" applyFill="0" applyAlignment="0" applyProtection="0">
      <alignment vertical="center"/>
    </xf>
    <xf numFmtId="0" fontId="5" fillId="0" borderId="3" applyNumberFormat="0" applyFill="0" applyAlignment="0" applyProtection="0">
      <alignment vertical="center"/>
    </xf>
    <xf numFmtId="0" fontId="5" fillId="0" borderId="0" applyNumberFormat="0" applyFill="0" applyBorder="0" applyAlignment="0" applyProtection="0">
      <alignment vertical="center"/>
    </xf>
    <xf numFmtId="0" fontId="6" fillId="2" borderId="0" applyNumberFormat="0" applyBorder="0" applyAlignment="0" applyProtection="0">
      <alignment vertical="center"/>
    </xf>
    <xf numFmtId="0" fontId="7" fillId="3" borderId="0" applyNumberFormat="0" applyBorder="0" applyAlignment="0" applyProtection="0">
      <alignment vertical="center"/>
    </xf>
    <xf numFmtId="0" fontId="8" fillId="4" borderId="0" applyNumberFormat="0" applyBorder="0" applyAlignment="0" applyProtection="0">
      <alignment vertical="center"/>
    </xf>
    <xf numFmtId="0" fontId="9" fillId="5" borderId="4" applyNumberFormat="0" applyAlignment="0" applyProtection="0">
      <alignment vertical="center"/>
    </xf>
    <xf numFmtId="0" fontId="10" fillId="6" borderId="5" applyNumberFormat="0" applyAlignment="0" applyProtection="0">
      <alignment vertical="center"/>
    </xf>
    <xf numFmtId="0" fontId="11" fillId="6" borderId="4" applyNumberFormat="0" applyAlignment="0" applyProtection="0">
      <alignment vertical="center"/>
    </xf>
    <xf numFmtId="0" fontId="12" fillId="0" borderId="6" applyNumberFormat="0" applyFill="0" applyAlignment="0" applyProtection="0">
      <alignment vertical="center"/>
    </xf>
    <xf numFmtId="0" fontId="13" fillId="7" borderId="7" applyNumberFormat="0" applyAlignment="0" applyProtection="0">
      <alignment vertical="center"/>
    </xf>
    <xf numFmtId="0" fontId="14" fillId="0" borderId="0" applyNumberFormat="0" applyFill="0" applyBorder="0" applyAlignment="0" applyProtection="0">
      <alignment vertical="center"/>
    </xf>
    <xf numFmtId="0" fontId="1" fillId="8" borderId="8" applyNumberFormat="0" applyFont="0" applyAlignment="0" applyProtection="0">
      <alignment vertical="center"/>
    </xf>
    <xf numFmtId="0" fontId="15" fillId="0" borderId="0" applyNumberFormat="0" applyFill="0" applyBorder="0" applyAlignment="0" applyProtection="0">
      <alignment vertical="center"/>
    </xf>
    <xf numFmtId="0" fontId="16" fillId="0" borderId="9" applyNumberFormat="0" applyFill="0" applyAlignment="0" applyProtection="0">
      <alignment vertical="center"/>
    </xf>
    <xf numFmtId="0" fontId="17" fillId="9" borderId="0" applyNumberFormat="0" applyBorder="0" applyAlignment="0" applyProtection="0">
      <alignment vertical="center"/>
    </xf>
    <xf numFmtId="0" fontId="1" fillId="10" borderId="0" applyNumberFormat="0" applyBorder="0" applyAlignment="0" applyProtection="0">
      <alignment vertical="center"/>
    </xf>
    <xf numFmtId="0" fontId="1" fillId="11" borderId="0" applyNumberFormat="0" applyBorder="0" applyAlignment="0" applyProtection="0">
      <alignment vertical="center"/>
    </xf>
    <xf numFmtId="0" fontId="1" fillId="12" borderId="0" applyNumberFormat="0" applyBorder="0" applyAlignment="0" applyProtection="0">
      <alignment vertical="center"/>
    </xf>
    <xf numFmtId="0" fontId="17" fillId="13" borderId="0" applyNumberFormat="0" applyBorder="0" applyAlignment="0" applyProtection="0">
      <alignment vertical="center"/>
    </xf>
    <xf numFmtId="0" fontId="1" fillId="14" borderId="0" applyNumberFormat="0" applyBorder="0" applyAlignment="0" applyProtection="0">
      <alignment vertical="center"/>
    </xf>
    <xf numFmtId="0" fontId="1" fillId="15" borderId="0" applyNumberFormat="0" applyBorder="0" applyAlignment="0" applyProtection="0">
      <alignment vertical="center"/>
    </xf>
    <xf numFmtId="0" fontId="1" fillId="16" borderId="0" applyNumberFormat="0" applyBorder="0" applyAlignment="0" applyProtection="0">
      <alignment vertical="center"/>
    </xf>
    <xf numFmtId="0" fontId="17" fillId="17" borderId="0" applyNumberFormat="0" applyBorder="0" applyAlignment="0" applyProtection="0">
      <alignment vertical="center"/>
    </xf>
    <xf numFmtId="0" fontId="1" fillId="18" borderId="0" applyNumberFormat="0" applyBorder="0" applyAlignment="0" applyProtection="0">
      <alignment vertical="center"/>
    </xf>
    <xf numFmtId="0" fontId="1" fillId="19" borderId="0" applyNumberFormat="0" applyBorder="0" applyAlignment="0" applyProtection="0">
      <alignment vertical="center"/>
    </xf>
    <xf numFmtId="0" fontId="1" fillId="20" borderId="0" applyNumberFormat="0" applyBorder="0" applyAlignment="0" applyProtection="0">
      <alignment vertical="center"/>
    </xf>
    <xf numFmtId="0" fontId="17" fillId="21" borderId="0" applyNumberFormat="0" applyBorder="0" applyAlignment="0" applyProtection="0">
      <alignment vertical="center"/>
    </xf>
    <xf numFmtId="0" fontId="1" fillId="22" borderId="0" applyNumberFormat="0" applyBorder="0" applyAlignment="0" applyProtection="0">
      <alignment vertical="center"/>
    </xf>
    <xf numFmtId="0" fontId="1" fillId="23" borderId="0" applyNumberFormat="0" applyBorder="0" applyAlignment="0" applyProtection="0">
      <alignment vertical="center"/>
    </xf>
    <xf numFmtId="0" fontId="1" fillId="24" borderId="0" applyNumberFormat="0" applyBorder="0" applyAlignment="0" applyProtection="0">
      <alignment vertical="center"/>
    </xf>
    <xf numFmtId="0" fontId="17" fillId="25" borderId="0" applyNumberFormat="0" applyBorder="0" applyAlignment="0" applyProtection="0">
      <alignment vertical="center"/>
    </xf>
    <xf numFmtId="0" fontId="1" fillId="26" borderId="0" applyNumberFormat="0" applyBorder="0" applyAlignment="0" applyProtection="0">
      <alignment vertical="center"/>
    </xf>
    <xf numFmtId="0" fontId="1" fillId="27" borderId="0" applyNumberFormat="0" applyBorder="0" applyAlignment="0" applyProtection="0">
      <alignment vertical="center"/>
    </xf>
    <xf numFmtId="0" fontId="1" fillId="28" borderId="0" applyNumberFormat="0" applyBorder="0" applyAlignment="0" applyProtection="0">
      <alignment vertical="center"/>
    </xf>
    <xf numFmtId="0" fontId="17" fillId="29" borderId="0" applyNumberFormat="0" applyBorder="0" applyAlignment="0" applyProtection="0">
      <alignment vertical="center"/>
    </xf>
    <xf numFmtId="0" fontId="1" fillId="30" borderId="0" applyNumberFormat="0" applyBorder="0" applyAlignment="0" applyProtection="0">
      <alignment vertical="center"/>
    </xf>
    <xf numFmtId="0" fontId="1" fillId="31" borderId="0" applyNumberFormat="0" applyBorder="0" applyAlignment="0" applyProtection="0">
      <alignment vertical="center"/>
    </xf>
    <xf numFmtId="0" fontId="1" fillId="32" borderId="0" applyNumberFormat="0" applyBorder="0" applyAlignment="0" applyProtection="0">
      <alignment vertical="center"/>
    </xf>
  </cellStyleXfs>
  <cellXfs count="9">
    <xf numFmtId="0" fontId="0" fillId="0" borderId="0" xfId="0">
      <alignment vertical="center"/>
    </xf>
    <xf numFmtId="14" fontId="0" fillId="0" borderId="0" xfId="0" applyNumberFormat="1">
      <alignment vertical="center"/>
    </xf>
    <xf numFmtId="14" fontId="0" fillId="0" borderId="0" xfId="0" applyNumberFormat="1" applyFill="1" applyBorder="1">
      <alignment vertical="center"/>
    </xf>
    <xf numFmtId="0" fontId="0" fillId="0" borderId="0" xfId="0" applyFill="1" applyBorder="1">
      <alignment vertical="center"/>
    </xf>
    <xf numFmtId="0" fontId="0" fillId="0" borderId="0" xfId="0" applyFill="1" applyBorder="1" applyAlignment="1">
      <alignment vertical="center" wrapText="1"/>
    </xf>
    <xf numFmtId="0" fontId="0" fillId="0" borderId="0" xfId="0" applyFill="1" applyBorder="1" applyAlignment="1">
      <alignment horizontal="left" vertical="center"/>
    </xf>
    <xf numFmtId="0" fontId="19" fillId="0" borderId="0" xfId="0" applyFont="1" applyFill="1" applyBorder="1">
      <alignment vertical="center"/>
    </xf>
    <xf numFmtId="0" fontId="20" fillId="0" borderId="0" xfId="0" applyFont="1" applyFill="1" applyBorder="1">
      <alignment vertical="center"/>
    </xf>
    <xf numFmtId="0" fontId="0" fillId="0" borderId="0" xfId="0" applyFill="1">
      <alignment vertical="center"/>
    </xf>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73"/>
  <sheetViews>
    <sheetView workbookViewId="0">
      <selection activeCell="C73" sqref="C73"/>
    </sheetView>
  </sheetViews>
  <sheetFormatPr defaultRowHeight="14.4"/>
  <cols>
    <col min="1" max="1" width="16.21875" customWidth="1"/>
    <col min="2" max="2" width="16.21875" bestFit="1" customWidth="1"/>
    <col min="3" max="3" width="30.21875" customWidth="1"/>
    <col min="4" max="4" width="106.21875" bestFit="1" customWidth="1"/>
  </cols>
  <sheetData>
    <row r="1" spans="1:4">
      <c r="B1" t="s">
        <v>0</v>
      </c>
    </row>
    <row r="3" spans="1:4">
      <c r="A3" t="s">
        <v>128</v>
      </c>
      <c r="B3" t="s">
        <v>129</v>
      </c>
      <c r="C3" t="s">
        <v>130</v>
      </c>
      <c r="D3" t="s">
        <v>131</v>
      </c>
    </row>
    <row r="4" spans="1:4">
      <c r="A4" s="1">
        <v>43891</v>
      </c>
      <c r="B4" t="s">
        <v>212</v>
      </c>
      <c r="C4" s="3" t="s">
        <v>222</v>
      </c>
      <c r="D4" t="s">
        <v>214</v>
      </c>
    </row>
    <row r="5" spans="1:4">
      <c r="A5" s="1">
        <v>43891</v>
      </c>
      <c r="B5" t="s">
        <v>213</v>
      </c>
      <c r="C5" s="3" t="s">
        <v>222</v>
      </c>
      <c r="D5" s="8" t="s">
        <v>223</v>
      </c>
    </row>
    <row r="6" spans="1:4">
      <c r="A6" s="2">
        <v>43525</v>
      </c>
      <c r="B6" s="3" t="s">
        <v>167</v>
      </c>
      <c r="C6" s="3" t="s">
        <v>222</v>
      </c>
      <c r="D6" s="4" t="s">
        <v>165</v>
      </c>
    </row>
    <row r="7" spans="1:4">
      <c r="A7" s="2">
        <v>43525</v>
      </c>
      <c r="B7" s="3" t="s">
        <v>168</v>
      </c>
      <c r="C7" s="3" t="s">
        <v>222</v>
      </c>
      <c r="D7" s="3" t="s">
        <v>166</v>
      </c>
    </row>
    <row r="8" spans="1:4">
      <c r="A8" s="2">
        <v>43160</v>
      </c>
      <c r="B8" s="3" t="s">
        <v>169</v>
      </c>
      <c r="C8" s="3" t="s">
        <v>222</v>
      </c>
      <c r="D8" s="3" t="s">
        <v>162</v>
      </c>
    </row>
    <row r="9" spans="1:4">
      <c r="A9" s="2">
        <v>43160</v>
      </c>
      <c r="B9" s="3" t="s">
        <v>170</v>
      </c>
      <c r="C9" s="3" t="s">
        <v>222</v>
      </c>
      <c r="D9" s="3" t="s">
        <v>163</v>
      </c>
    </row>
    <row r="10" spans="1:4">
      <c r="A10" s="2">
        <v>43160</v>
      </c>
      <c r="B10" s="3" t="s">
        <v>171</v>
      </c>
      <c r="C10" s="3" t="s">
        <v>222</v>
      </c>
      <c r="D10" s="3" t="s">
        <v>164</v>
      </c>
    </row>
    <row r="11" spans="1:4">
      <c r="A11" s="2">
        <v>42795</v>
      </c>
      <c r="B11" s="3" t="s">
        <v>172</v>
      </c>
      <c r="C11" s="3" t="s">
        <v>222</v>
      </c>
      <c r="D11" s="3" t="s">
        <v>160</v>
      </c>
    </row>
    <row r="12" spans="1:4">
      <c r="A12" s="2">
        <v>42795</v>
      </c>
      <c r="B12" s="3" t="s">
        <v>173</v>
      </c>
      <c r="C12" s="3" t="s">
        <v>222</v>
      </c>
      <c r="D12" s="3" t="s">
        <v>161</v>
      </c>
    </row>
    <row r="13" spans="1:4">
      <c r="A13" s="2">
        <v>42430</v>
      </c>
      <c r="B13" s="3" t="s">
        <v>174</v>
      </c>
      <c r="C13" s="3" t="s">
        <v>222</v>
      </c>
      <c r="D13" s="3" t="s">
        <v>157</v>
      </c>
    </row>
    <row r="14" spans="1:4">
      <c r="A14" s="2">
        <v>42430</v>
      </c>
      <c r="B14" s="3" t="s">
        <v>175</v>
      </c>
      <c r="C14" s="3" t="s">
        <v>222</v>
      </c>
      <c r="D14" s="3" t="s">
        <v>158</v>
      </c>
    </row>
    <row r="15" spans="1:4">
      <c r="A15" s="2">
        <v>42430</v>
      </c>
      <c r="B15" s="3" t="s">
        <v>176</v>
      </c>
      <c r="C15" s="3" t="s">
        <v>222</v>
      </c>
      <c r="D15" s="3" t="s">
        <v>159</v>
      </c>
    </row>
    <row r="16" spans="1:4">
      <c r="A16" s="2">
        <v>42064</v>
      </c>
      <c r="B16" s="3" t="s">
        <v>177</v>
      </c>
      <c r="C16" s="3" t="s">
        <v>222</v>
      </c>
      <c r="D16" s="3" t="s">
        <v>154</v>
      </c>
    </row>
    <row r="17" spans="1:4">
      <c r="A17" s="2">
        <v>42064</v>
      </c>
      <c r="B17" s="3" t="s">
        <v>178</v>
      </c>
      <c r="C17" s="3" t="s">
        <v>221</v>
      </c>
      <c r="D17" s="3" t="s">
        <v>155</v>
      </c>
    </row>
    <row r="18" spans="1:4">
      <c r="A18" s="2">
        <v>42064</v>
      </c>
      <c r="B18" s="3" t="s">
        <v>179</v>
      </c>
      <c r="C18" s="3" t="s">
        <v>219</v>
      </c>
      <c r="D18" s="3" t="s">
        <v>156</v>
      </c>
    </row>
    <row r="19" spans="1:4">
      <c r="A19" s="2">
        <v>41699</v>
      </c>
      <c r="B19" s="3" t="s">
        <v>180</v>
      </c>
      <c r="C19" s="3" t="s">
        <v>220</v>
      </c>
      <c r="D19" s="3" t="s">
        <v>153</v>
      </c>
    </row>
    <row r="20" spans="1:4">
      <c r="A20" s="2">
        <v>41334</v>
      </c>
      <c r="B20" s="3" t="s">
        <v>181</v>
      </c>
      <c r="C20" s="3" t="s">
        <v>219</v>
      </c>
      <c r="D20" s="3" t="s">
        <v>151</v>
      </c>
    </row>
    <row r="21" spans="1:4">
      <c r="A21" s="2">
        <v>41334</v>
      </c>
      <c r="B21" s="3" t="s">
        <v>182</v>
      </c>
      <c r="C21" s="3" t="s">
        <v>219</v>
      </c>
      <c r="D21" s="3" t="s">
        <v>152</v>
      </c>
    </row>
    <row r="22" spans="1:4">
      <c r="A22" s="2">
        <v>40969</v>
      </c>
      <c r="B22" s="5" t="s">
        <v>183</v>
      </c>
      <c r="C22" s="3" t="s">
        <v>219</v>
      </c>
      <c r="D22" s="3" t="s">
        <v>147</v>
      </c>
    </row>
    <row r="23" spans="1:4">
      <c r="A23" s="2">
        <v>40969</v>
      </c>
      <c r="B23" s="5" t="s">
        <v>184</v>
      </c>
      <c r="C23" s="6" t="s">
        <v>148</v>
      </c>
      <c r="D23" s="3" t="s">
        <v>149</v>
      </c>
    </row>
    <row r="24" spans="1:4">
      <c r="A24" s="2">
        <v>40969</v>
      </c>
      <c r="B24" s="5" t="s">
        <v>185</v>
      </c>
      <c r="C24" s="7" t="s">
        <v>148</v>
      </c>
      <c r="D24" s="3" t="s">
        <v>150</v>
      </c>
    </row>
    <row r="25" spans="1:4">
      <c r="A25" s="2">
        <v>40603</v>
      </c>
      <c r="B25" s="5" t="s">
        <v>186</v>
      </c>
      <c r="C25" s="3" t="s">
        <v>219</v>
      </c>
      <c r="D25" s="3" t="s">
        <v>144</v>
      </c>
    </row>
    <row r="26" spans="1:4">
      <c r="A26" s="2">
        <v>40603</v>
      </c>
      <c r="B26" s="5" t="s">
        <v>187</v>
      </c>
      <c r="C26" s="3" t="s">
        <v>219</v>
      </c>
      <c r="D26" s="3" t="s">
        <v>145</v>
      </c>
    </row>
    <row r="27" spans="1:4">
      <c r="A27" s="2">
        <v>40603</v>
      </c>
      <c r="B27" s="5" t="s">
        <v>188</v>
      </c>
      <c r="C27" s="3" t="s">
        <v>219</v>
      </c>
      <c r="D27" s="3" t="s">
        <v>146</v>
      </c>
    </row>
    <row r="28" spans="1:4">
      <c r="A28" s="2">
        <v>40238</v>
      </c>
      <c r="B28" s="3" t="s">
        <v>189</v>
      </c>
      <c r="C28" s="3" t="s">
        <v>219</v>
      </c>
      <c r="D28" s="3" t="s">
        <v>141</v>
      </c>
    </row>
    <row r="29" spans="1:4">
      <c r="A29" s="2">
        <v>40238</v>
      </c>
      <c r="B29" s="3" t="s">
        <v>190</v>
      </c>
      <c r="C29" s="3" t="s">
        <v>219</v>
      </c>
      <c r="D29" s="3" t="s">
        <v>142</v>
      </c>
    </row>
    <row r="30" spans="1:4">
      <c r="A30" s="2">
        <v>40238</v>
      </c>
      <c r="B30" s="3" t="s">
        <v>191</v>
      </c>
      <c r="C30" s="3" t="s">
        <v>219</v>
      </c>
      <c r="D30" s="3" t="s">
        <v>143</v>
      </c>
    </row>
    <row r="31" spans="1:4">
      <c r="A31" s="2">
        <v>39508</v>
      </c>
      <c r="B31" s="3" t="s">
        <v>192</v>
      </c>
      <c r="C31" s="3" t="s">
        <v>219</v>
      </c>
      <c r="D31" s="3" t="s">
        <v>140</v>
      </c>
    </row>
    <row r="32" spans="1:4">
      <c r="A32" s="2">
        <v>39142</v>
      </c>
      <c r="B32" s="3" t="s">
        <v>1</v>
      </c>
      <c r="C32" s="3" t="s">
        <v>2</v>
      </c>
      <c r="D32" s="3" t="s">
        <v>3</v>
      </c>
    </row>
    <row r="33" spans="1:4">
      <c r="A33" s="2">
        <v>39142</v>
      </c>
      <c r="B33" s="3" t="s">
        <v>4</v>
      </c>
      <c r="C33" s="3" t="s">
        <v>2</v>
      </c>
      <c r="D33" s="3" t="s">
        <v>5</v>
      </c>
    </row>
    <row r="34" spans="1:4">
      <c r="A34" s="2">
        <v>38777</v>
      </c>
      <c r="B34" s="3" t="s">
        <v>6</v>
      </c>
      <c r="C34" s="3" t="s">
        <v>7</v>
      </c>
      <c r="D34" s="3" t="s">
        <v>8</v>
      </c>
    </row>
    <row r="35" spans="1:4">
      <c r="A35" s="2">
        <v>38777</v>
      </c>
      <c r="B35" s="3" t="s">
        <v>9</v>
      </c>
      <c r="C35" s="3" t="s">
        <v>7</v>
      </c>
      <c r="D35" s="3" t="s">
        <v>136</v>
      </c>
    </row>
    <row r="36" spans="1:4">
      <c r="A36" s="2">
        <v>38412</v>
      </c>
      <c r="B36" s="3" t="s">
        <v>10</v>
      </c>
      <c r="C36" s="3" t="s">
        <v>2</v>
      </c>
      <c r="D36" s="3" t="s">
        <v>11</v>
      </c>
    </row>
    <row r="37" spans="1:4">
      <c r="A37" s="2">
        <v>38412</v>
      </c>
      <c r="B37" s="3" t="s">
        <v>12</v>
      </c>
      <c r="C37" s="3" t="s">
        <v>2</v>
      </c>
      <c r="D37" s="3" t="s">
        <v>13</v>
      </c>
    </row>
    <row r="38" spans="1:4">
      <c r="A38" s="2">
        <v>38047</v>
      </c>
      <c r="B38" s="3" t="s">
        <v>14</v>
      </c>
      <c r="C38" s="3" t="s">
        <v>15</v>
      </c>
      <c r="D38" s="3" t="s">
        <v>138</v>
      </c>
    </row>
    <row r="39" spans="1:4">
      <c r="A39" s="2">
        <v>37681</v>
      </c>
      <c r="B39" s="3" t="s">
        <v>16</v>
      </c>
      <c r="C39" s="3" t="s">
        <v>17</v>
      </c>
      <c r="D39" s="3" t="s">
        <v>139</v>
      </c>
    </row>
    <row r="40" spans="1:4">
      <c r="A40" s="2">
        <v>37316</v>
      </c>
      <c r="B40" s="3" t="s">
        <v>18</v>
      </c>
      <c r="C40" s="3" t="s">
        <v>2</v>
      </c>
      <c r="D40" s="3" t="s">
        <v>19</v>
      </c>
    </row>
    <row r="41" spans="1:4">
      <c r="A41" s="2">
        <v>37316</v>
      </c>
      <c r="B41" s="3" t="s">
        <v>20</v>
      </c>
      <c r="C41" s="3" t="s">
        <v>2</v>
      </c>
      <c r="D41" s="3" t="s">
        <v>21</v>
      </c>
    </row>
    <row r="42" spans="1:4">
      <c r="A42" s="2">
        <v>37316</v>
      </c>
      <c r="B42" s="3" t="s">
        <v>22</v>
      </c>
      <c r="C42" s="3" t="s">
        <v>2</v>
      </c>
      <c r="D42" s="3" t="s">
        <v>23</v>
      </c>
    </row>
    <row r="43" spans="1:4">
      <c r="A43" s="2">
        <v>37316</v>
      </c>
      <c r="B43" s="3" t="s">
        <v>24</v>
      </c>
      <c r="C43" s="3" t="s">
        <v>2</v>
      </c>
      <c r="D43" s="3" t="s">
        <v>25</v>
      </c>
    </row>
    <row r="44" spans="1:4">
      <c r="A44" s="2">
        <v>36951</v>
      </c>
      <c r="B44" s="3" t="s">
        <v>26</v>
      </c>
      <c r="C44" s="3" t="s">
        <v>2</v>
      </c>
      <c r="D44" s="3" t="s">
        <v>27</v>
      </c>
    </row>
    <row r="45" spans="1:4">
      <c r="A45" s="2">
        <v>36951</v>
      </c>
      <c r="B45" s="3" t="s">
        <v>28</v>
      </c>
      <c r="C45" s="3" t="s">
        <v>2</v>
      </c>
      <c r="D45" s="3" t="s">
        <v>29</v>
      </c>
    </row>
    <row r="46" spans="1:4">
      <c r="A46" s="2">
        <v>36951</v>
      </c>
      <c r="B46" s="3" t="s">
        <v>30</v>
      </c>
      <c r="C46" s="3" t="s">
        <v>2</v>
      </c>
      <c r="D46" s="3" t="s">
        <v>31</v>
      </c>
    </row>
    <row r="47" spans="1:4">
      <c r="A47" s="2">
        <v>36586</v>
      </c>
      <c r="B47" s="3" t="s">
        <v>32</v>
      </c>
      <c r="C47" s="3" t="s">
        <v>2</v>
      </c>
      <c r="D47" s="3" t="s">
        <v>33</v>
      </c>
    </row>
    <row r="48" spans="1:4">
      <c r="A48" s="2">
        <v>36586</v>
      </c>
      <c r="B48" s="3" t="s">
        <v>34</v>
      </c>
      <c r="C48" s="3" t="s">
        <v>2</v>
      </c>
      <c r="D48" s="3" t="s">
        <v>35</v>
      </c>
    </row>
    <row r="49" spans="1:4">
      <c r="A49" s="2">
        <v>36586</v>
      </c>
      <c r="B49" s="3" t="s">
        <v>36</v>
      </c>
      <c r="C49" s="3" t="s">
        <v>2</v>
      </c>
      <c r="D49" s="3" t="s">
        <v>37</v>
      </c>
    </row>
    <row r="50" spans="1:4">
      <c r="A50" s="2">
        <v>36220</v>
      </c>
      <c r="B50" s="3" t="s">
        <v>38</v>
      </c>
      <c r="C50" s="3" t="s">
        <v>2</v>
      </c>
      <c r="D50" s="3" t="s">
        <v>39</v>
      </c>
    </row>
    <row r="51" spans="1:4">
      <c r="A51" s="2">
        <v>36220</v>
      </c>
      <c r="B51" s="3" t="s">
        <v>206</v>
      </c>
      <c r="C51" s="3" t="s">
        <v>2</v>
      </c>
      <c r="D51" s="3" t="s">
        <v>40</v>
      </c>
    </row>
    <row r="52" spans="1:4">
      <c r="A52" s="2">
        <v>36220</v>
      </c>
      <c r="B52" s="3" t="s">
        <v>41</v>
      </c>
      <c r="C52" s="3" t="s">
        <v>2</v>
      </c>
      <c r="D52" s="3" t="s">
        <v>42</v>
      </c>
    </row>
    <row r="53" spans="1:4">
      <c r="A53" s="2">
        <v>35855</v>
      </c>
      <c r="B53" s="3" t="s">
        <v>43</v>
      </c>
      <c r="C53" s="3" t="s">
        <v>44</v>
      </c>
      <c r="D53" s="3" t="s">
        <v>45</v>
      </c>
    </row>
    <row r="54" spans="1:4">
      <c r="A54" s="2">
        <v>35855</v>
      </c>
      <c r="B54" s="3" t="s">
        <v>46</v>
      </c>
      <c r="C54" s="3" t="s">
        <v>44</v>
      </c>
      <c r="D54" s="3" t="s">
        <v>47</v>
      </c>
    </row>
    <row r="55" spans="1:4">
      <c r="A55" s="2">
        <v>35855</v>
      </c>
      <c r="B55" s="3" t="s">
        <v>48</v>
      </c>
      <c r="C55" s="3" t="s">
        <v>44</v>
      </c>
      <c r="D55" s="3" t="s">
        <v>49</v>
      </c>
    </row>
    <row r="56" spans="1:4">
      <c r="A56" s="2">
        <v>35855</v>
      </c>
      <c r="B56" s="3" t="s">
        <v>50</v>
      </c>
      <c r="C56" s="3" t="s">
        <v>44</v>
      </c>
      <c r="D56" s="3" t="s">
        <v>51</v>
      </c>
    </row>
    <row r="57" spans="1:4">
      <c r="A57" s="2">
        <v>35855</v>
      </c>
      <c r="B57" s="3" t="s">
        <v>52</v>
      </c>
      <c r="C57" s="3" t="s">
        <v>44</v>
      </c>
      <c r="D57" s="3" t="s">
        <v>53</v>
      </c>
    </row>
    <row r="58" spans="1:4">
      <c r="A58" s="2">
        <v>35855</v>
      </c>
      <c r="B58" s="3" t="s">
        <v>205</v>
      </c>
      <c r="C58" s="3" t="s">
        <v>44</v>
      </c>
      <c r="D58" s="3" t="s">
        <v>55</v>
      </c>
    </row>
    <row r="59" spans="1:4">
      <c r="A59" s="2">
        <v>35490</v>
      </c>
      <c r="B59" s="3" t="s">
        <v>204</v>
      </c>
      <c r="C59" s="3" t="s">
        <v>57</v>
      </c>
      <c r="D59" s="3" t="s">
        <v>58</v>
      </c>
    </row>
    <row r="60" spans="1:4">
      <c r="A60" s="2">
        <v>35490</v>
      </c>
      <c r="B60" s="3" t="s">
        <v>59</v>
      </c>
      <c r="C60" s="3" t="s">
        <v>57</v>
      </c>
      <c r="D60" s="3" t="s">
        <v>60</v>
      </c>
    </row>
    <row r="61" spans="1:4">
      <c r="A61" s="2">
        <v>35490</v>
      </c>
      <c r="B61" s="3" t="s">
        <v>61</v>
      </c>
      <c r="C61" s="3" t="s">
        <v>57</v>
      </c>
      <c r="D61" s="3" t="s">
        <v>62</v>
      </c>
    </row>
    <row r="62" spans="1:4" ht="19.5" customHeight="1">
      <c r="A62" s="2">
        <v>35125</v>
      </c>
      <c r="B62" s="3" t="s">
        <v>63</v>
      </c>
      <c r="C62" s="3" t="s">
        <v>64</v>
      </c>
      <c r="D62" s="3" t="s">
        <v>137</v>
      </c>
    </row>
    <row r="63" spans="1:4" ht="19.5" customHeight="1">
      <c r="A63" s="2">
        <v>35125</v>
      </c>
      <c r="B63" s="3" t="s">
        <v>65</v>
      </c>
      <c r="C63" s="3" t="s">
        <v>64</v>
      </c>
      <c r="D63" s="3" t="s">
        <v>66</v>
      </c>
    </row>
    <row r="64" spans="1:4" ht="19.5" customHeight="1">
      <c r="A64" s="2">
        <v>35125</v>
      </c>
      <c r="B64" s="3" t="s">
        <v>67</v>
      </c>
      <c r="C64" s="3" t="s">
        <v>64</v>
      </c>
      <c r="D64" s="3" t="s">
        <v>68</v>
      </c>
    </row>
    <row r="65" spans="1:4">
      <c r="A65" s="2">
        <v>34394</v>
      </c>
      <c r="B65" s="3" t="s">
        <v>203</v>
      </c>
      <c r="C65" s="3" t="s">
        <v>64</v>
      </c>
      <c r="D65" s="3" t="s">
        <v>70</v>
      </c>
    </row>
    <row r="66" spans="1:4">
      <c r="A66" s="2">
        <v>34394</v>
      </c>
      <c r="B66" s="3" t="s">
        <v>71</v>
      </c>
      <c r="C66" s="3" t="s">
        <v>64</v>
      </c>
      <c r="D66" s="3" t="s">
        <v>72</v>
      </c>
    </row>
    <row r="67" spans="1:4">
      <c r="A67" s="2">
        <v>34394</v>
      </c>
      <c r="B67" s="3" t="s">
        <v>202</v>
      </c>
      <c r="C67" s="3" t="s">
        <v>64</v>
      </c>
      <c r="D67" s="3" t="s">
        <v>73</v>
      </c>
    </row>
    <row r="68" spans="1:4">
      <c r="A68" s="2">
        <v>34029</v>
      </c>
      <c r="B68" s="3" t="s">
        <v>216</v>
      </c>
      <c r="C68" s="3" t="s">
        <v>64</v>
      </c>
      <c r="D68" s="3"/>
    </row>
    <row r="69" spans="1:4">
      <c r="A69" s="2">
        <v>33664</v>
      </c>
      <c r="B69" t="s">
        <v>91</v>
      </c>
      <c r="C69" s="3" t="s">
        <v>64</v>
      </c>
      <c r="D69" s="3"/>
    </row>
    <row r="70" spans="1:4">
      <c r="A70" s="2">
        <v>32568</v>
      </c>
      <c r="B70" t="s">
        <v>217</v>
      </c>
      <c r="C70" s="3" t="s">
        <v>224</v>
      </c>
      <c r="D70" s="3"/>
    </row>
    <row r="71" spans="1:4">
      <c r="A71" s="2">
        <v>32568</v>
      </c>
      <c r="B71" t="s">
        <v>218</v>
      </c>
      <c r="C71" s="3" t="s">
        <v>224</v>
      </c>
      <c r="D71" s="3" t="s">
        <v>225</v>
      </c>
    </row>
    <row r="72" spans="1:4">
      <c r="A72" s="2">
        <v>32568</v>
      </c>
      <c r="B72" t="s">
        <v>94</v>
      </c>
      <c r="C72" s="3" t="s">
        <v>224</v>
      </c>
      <c r="D72" s="3" t="s">
        <v>210</v>
      </c>
    </row>
    <row r="73" spans="1:4">
      <c r="A73" s="2">
        <v>31837</v>
      </c>
      <c r="B73" t="s">
        <v>194</v>
      </c>
      <c r="C73" s="3" t="s">
        <v>224</v>
      </c>
      <c r="D73" s="3"/>
    </row>
  </sheetData>
  <sortState ref="A6:D31">
    <sortCondition descending="1" ref="A6"/>
  </sortState>
  <phoneticPr fontId="18"/>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0"/>
  <sheetViews>
    <sheetView topLeftCell="A7" workbookViewId="0">
      <selection activeCell="B20" sqref="B20"/>
    </sheetView>
  </sheetViews>
  <sheetFormatPr defaultRowHeight="14.4"/>
  <cols>
    <col min="1" max="1" width="14.33203125" customWidth="1"/>
    <col min="2" max="2" width="22" bestFit="1" customWidth="1"/>
    <col min="3" max="3" width="20.21875" customWidth="1"/>
    <col min="4" max="4" width="102.77734375" customWidth="1"/>
    <col min="5" max="5" width="65" customWidth="1"/>
  </cols>
  <sheetData>
    <row r="1" spans="1:5">
      <c r="B1" t="s">
        <v>215</v>
      </c>
    </row>
    <row r="3" spans="1:5">
      <c r="A3" t="s">
        <v>128</v>
      </c>
      <c r="B3" t="s">
        <v>129</v>
      </c>
      <c r="C3" t="s">
        <v>130</v>
      </c>
      <c r="D3" t="s">
        <v>131</v>
      </c>
      <c r="E3" t="s">
        <v>132</v>
      </c>
    </row>
    <row r="4" spans="1:5">
      <c r="A4" s="1">
        <v>36951</v>
      </c>
      <c r="B4" t="s">
        <v>74</v>
      </c>
      <c r="C4" t="s">
        <v>2</v>
      </c>
      <c r="D4" t="s">
        <v>75</v>
      </c>
    </row>
    <row r="5" spans="1:5">
      <c r="A5" s="1">
        <v>36951</v>
      </c>
      <c r="B5" t="s">
        <v>41</v>
      </c>
      <c r="C5" t="s">
        <v>2</v>
      </c>
      <c r="D5" t="s">
        <v>76</v>
      </c>
    </row>
    <row r="6" spans="1:5">
      <c r="A6" s="1">
        <v>36951</v>
      </c>
      <c r="B6" t="s">
        <v>77</v>
      </c>
      <c r="C6" t="s">
        <v>2</v>
      </c>
      <c r="D6" t="s">
        <v>133</v>
      </c>
      <c r="E6" t="s">
        <v>134</v>
      </c>
    </row>
    <row r="7" spans="1:5">
      <c r="A7" s="1">
        <v>36586</v>
      </c>
      <c r="B7" t="s">
        <v>48</v>
      </c>
      <c r="C7" t="s">
        <v>2</v>
      </c>
      <c r="D7" t="s">
        <v>78</v>
      </c>
    </row>
    <row r="8" spans="1:5">
      <c r="A8" s="1">
        <v>36586</v>
      </c>
      <c r="B8" t="s">
        <v>54</v>
      </c>
      <c r="C8" t="s">
        <v>2</v>
      </c>
      <c r="D8" t="s">
        <v>79</v>
      </c>
    </row>
    <row r="9" spans="1:5">
      <c r="A9" s="1">
        <v>36220</v>
      </c>
      <c r="B9" t="s">
        <v>56</v>
      </c>
      <c r="C9" t="s">
        <v>2</v>
      </c>
      <c r="D9" t="s">
        <v>80</v>
      </c>
    </row>
    <row r="10" spans="1:5">
      <c r="A10" s="1">
        <v>36220</v>
      </c>
      <c r="B10" t="s">
        <v>59</v>
      </c>
      <c r="C10" t="s">
        <v>2</v>
      </c>
      <c r="D10" t="s">
        <v>81</v>
      </c>
    </row>
    <row r="11" spans="1:5">
      <c r="A11" s="1">
        <v>35855</v>
      </c>
      <c r="B11" t="s">
        <v>82</v>
      </c>
      <c r="C11" t="s">
        <v>17</v>
      </c>
      <c r="D11" t="s">
        <v>83</v>
      </c>
    </row>
    <row r="12" spans="1:5">
      <c r="A12" s="1">
        <v>35855</v>
      </c>
      <c r="B12" t="s">
        <v>65</v>
      </c>
      <c r="C12" t="s">
        <v>44</v>
      </c>
      <c r="D12" t="s">
        <v>84</v>
      </c>
    </row>
    <row r="13" spans="1:5">
      <c r="A13" s="1">
        <v>35855</v>
      </c>
      <c r="B13" t="s">
        <v>67</v>
      </c>
      <c r="C13" t="s">
        <v>17</v>
      </c>
      <c r="D13" t="s">
        <v>85</v>
      </c>
    </row>
    <row r="14" spans="1:5">
      <c r="A14" s="1">
        <v>35490</v>
      </c>
      <c r="B14" t="s">
        <v>86</v>
      </c>
      <c r="C14" t="s">
        <v>64</v>
      </c>
      <c r="D14" t="s">
        <v>87</v>
      </c>
    </row>
    <row r="15" spans="1:5">
      <c r="A15" s="1">
        <v>35125</v>
      </c>
      <c r="B15" t="s">
        <v>69</v>
      </c>
      <c r="C15" t="s">
        <v>64</v>
      </c>
      <c r="D15" t="s">
        <v>135</v>
      </c>
    </row>
    <row r="16" spans="1:5">
      <c r="A16" s="1">
        <v>35125</v>
      </c>
      <c r="B16" t="s">
        <v>71</v>
      </c>
      <c r="C16" t="s">
        <v>64</v>
      </c>
      <c r="D16" t="s">
        <v>88</v>
      </c>
    </row>
    <row r="17" spans="1:4">
      <c r="A17" s="1">
        <v>35125</v>
      </c>
      <c r="B17" t="s">
        <v>89</v>
      </c>
      <c r="C17" t="s">
        <v>64</v>
      </c>
      <c r="D17" t="s">
        <v>90</v>
      </c>
    </row>
    <row r="18" spans="1:4">
      <c r="A18" s="1">
        <v>34394</v>
      </c>
      <c r="B18" t="s">
        <v>91</v>
      </c>
      <c r="C18" t="s">
        <v>92</v>
      </c>
      <c r="D18" t="s">
        <v>93</v>
      </c>
    </row>
    <row r="19" spans="1:4">
      <c r="A19" s="1">
        <v>33298</v>
      </c>
      <c r="B19" t="s">
        <v>94</v>
      </c>
      <c r="C19" t="s">
        <v>92</v>
      </c>
      <c r="D19" t="s">
        <v>95</v>
      </c>
    </row>
    <row r="20" spans="1:4">
      <c r="A20" s="1">
        <v>32568</v>
      </c>
      <c r="B20" t="s">
        <v>194</v>
      </c>
      <c r="C20" t="s">
        <v>195</v>
      </c>
      <c r="D20" t="s">
        <v>196</v>
      </c>
    </row>
  </sheetData>
  <phoneticPr fontId="18"/>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2"/>
  <sheetViews>
    <sheetView tabSelected="1" topLeftCell="A4" workbookViewId="0">
      <selection activeCell="B14" sqref="B14"/>
    </sheetView>
  </sheetViews>
  <sheetFormatPr defaultRowHeight="14.4"/>
  <cols>
    <col min="1" max="1" width="11.6640625" customWidth="1"/>
    <col min="2" max="2" width="42" bestFit="1" customWidth="1"/>
    <col min="3" max="3" width="21.6640625" customWidth="1"/>
    <col min="4" max="4" width="148.5546875" customWidth="1"/>
    <col min="5" max="5" width="87" customWidth="1"/>
  </cols>
  <sheetData>
    <row r="1" spans="1:5">
      <c r="B1" t="s">
        <v>211</v>
      </c>
    </row>
    <row r="3" spans="1:5">
      <c r="A3" t="s">
        <v>128</v>
      </c>
      <c r="B3" t="s">
        <v>129</v>
      </c>
      <c r="C3" t="s">
        <v>130</v>
      </c>
      <c r="D3" t="s">
        <v>131</v>
      </c>
      <c r="E3" t="s">
        <v>132</v>
      </c>
    </row>
    <row r="4" spans="1:5">
      <c r="A4" s="1">
        <v>38047</v>
      </c>
      <c r="B4" t="s">
        <v>96</v>
      </c>
      <c r="C4" t="s">
        <v>97</v>
      </c>
      <c r="D4" t="s">
        <v>98</v>
      </c>
    </row>
    <row r="5" spans="1:5">
      <c r="A5" s="1">
        <v>38047</v>
      </c>
      <c r="B5" t="s">
        <v>99</v>
      </c>
      <c r="C5" t="s">
        <v>97</v>
      </c>
      <c r="D5" t="s">
        <v>100</v>
      </c>
    </row>
    <row r="6" spans="1:5">
      <c r="A6" s="1">
        <v>37500</v>
      </c>
      <c r="B6" t="s">
        <v>207</v>
      </c>
      <c r="C6" t="s">
        <v>97</v>
      </c>
      <c r="D6" t="s">
        <v>101</v>
      </c>
      <c r="E6" t="s">
        <v>102</v>
      </c>
    </row>
    <row r="7" spans="1:5">
      <c r="A7" s="1">
        <v>37316</v>
      </c>
      <c r="B7" t="s">
        <v>103</v>
      </c>
      <c r="C7" t="s">
        <v>17</v>
      </c>
      <c r="D7" t="s">
        <v>104</v>
      </c>
    </row>
    <row r="8" spans="1:5">
      <c r="A8" s="1">
        <v>37135</v>
      </c>
      <c r="B8" t="s">
        <v>105</v>
      </c>
      <c r="C8" t="s">
        <v>106</v>
      </c>
      <c r="D8" t="s">
        <v>107</v>
      </c>
    </row>
    <row r="9" spans="1:5">
      <c r="A9" s="1">
        <v>36951</v>
      </c>
      <c r="B9" t="s">
        <v>65</v>
      </c>
      <c r="C9" t="s">
        <v>17</v>
      </c>
      <c r="D9" t="s">
        <v>125</v>
      </c>
    </row>
    <row r="10" spans="1:5">
      <c r="A10" s="1">
        <v>36586</v>
      </c>
      <c r="B10" t="s">
        <v>108</v>
      </c>
      <c r="C10" t="s">
        <v>17</v>
      </c>
      <c r="D10" t="s">
        <v>109</v>
      </c>
      <c r="E10" t="s">
        <v>110</v>
      </c>
    </row>
    <row r="11" spans="1:5">
      <c r="A11" s="1">
        <v>36404</v>
      </c>
      <c r="B11" t="s">
        <v>111</v>
      </c>
      <c r="C11" t="s">
        <v>17</v>
      </c>
      <c r="D11" t="s">
        <v>112</v>
      </c>
      <c r="E11" t="s">
        <v>113</v>
      </c>
    </row>
    <row r="12" spans="1:5">
      <c r="A12" s="1">
        <v>36404</v>
      </c>
      <c r="B12" t="s">
        <v>89</v>
      </c>
      <c r="C12" t="s">
        <v>17</v>
      </c>
      <c r="D12" t="s">
        <v>114</v>
      </c>
    </row>
    <row r="13" spans="1:5">
      <c r="A13" s="1">
        <v>36220</v>
      </c>
      <c r="B13" t="s">
        <v>71</v>
      </c>
      <c r="C13" t="s">
        <v>17</v>
      </c>
      <c r="D13" t="s">
        <v>115</v>
      </c>
    </row>
    <row r="14" spans="1:5">
      <c r="A14" s="1">
        <v>36039</v>
      </c>
      <c r="B14" t="s">
        <v>116</v>
      </c>
      <c r="C14" t="s">
        <v>17</v>
      </c>
      <c r="D14" t="s">
        <v>117</v>
      </c>
      <c r="E14" t="s">
        <v>118</v>
      </c>
    </row>
    <row r="15" spans="1:5">
      <c r="A15" s="1">
        <v>36039</v>
      </c>
      <c r="B15" t="s">
        <v>201</v>
      </c>
      <c r="C15" t="s">
        <v>17</v>
      </c>
      <c r="D15" t="s">
        <v>119</v>
      </c>
      <c r="E15" t="s">
        <v>120</v>
      </c>
    </row>
    <row r="16" spans="1:5">
      <c r="A16" s="1">
        <v>35674</v>
      </c>
      <c r="B16" t="s">
        <v>121</v>
      </c>
      <c r="C16" t="s">
        <v>17</v>
      </c>
      <c r="D16" t="s">
        <v>122</v>
      </c>
    </row>
    <row r="17" spans="1:4">
      <c r="A17" s="1">
        <v>35125</v>
      </c>
      <c r="B17" t="s">
        <v>94</v>
      </c>
      <c r="C17" t="s">
        <v>92</v>
      </c>
      <c r="D17" t="s">
        <v>226</v>
      </c>
    </row>
    <row r="18" spans="1:4">
      <c r="A18" s="1">
        <v>34943</v>
      </c>
      <c r="B18" t="s">
        <v>123</v>
      </c>
      <c r="C18" t="s">
        <v>64</v>
      </c>
      <c r="D18" t="s">
        <v>124</v>
      </c>
    </row>
    <row r="19" spans="1:4">
      <c r="A19" s="1">
        <v>34578</v>
      </c>
      <c r="B19" t="s">
        <v>208</v>
      </c>
      <c r="C19" t="s">
        <v>64</v>
      </c>
      <c r="D19" t="s">
        <v>126</v>
      </c>
    </row>
    <row r="20" spans="1:4">
      <c r="A20" s="1">
        <v>34213</v>
      </c>
      <c r="B20" t="s">
        <v>209</v>
      </c>
      <c r="C20" t="s">
        <v>64</v>
      </c>
      <c r="D20" t="s">
        <v>127</v>
      </c>
    </row>
    <row r="21" spans="1:4">
      <c r="A21" s="1">
        <v>32568</v>
      </c>
      <c r="B21" t="s">
        <v>197</v>
      </c>
      <c r="C21" t="s">
        <v>193</v>
      </c>
      <c r="D21" t="s">
        <v>198</v>
      </c>
    </row>
    <row r="22" spans="1:4">
      <c r="A22" s="1">
        <v>32203</v>
      </c>
      <c r="B22" t="s">
        <v>199</v>
      </c>
      <c r="C22" t="s">
        <v>193</v>
      </c>
      <c r="D22" t="s">
        <v>200</v>
      </c>
    </row>
  </sheetData>
  <phoneticPr fontId="18"/>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3</vt:i4>
      </vt:variant>
    </vt:vector>
  </HeadingPairs>
  <TitlesOfParts>
    <vt:vector size="3" baseType="lpstr">
      <vt:lpstr>学部</vt:lpstr>
      <vt:lpstr>修士</vt:lpstr>
      <vt:lpstr>博士</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Kurisu_CF-SZ6</dc:creator>
  <cp:lastModifiedBy>Tip</cp:lastModifiedBy>
  <dcterms:created xsi:type="dcterms:W3CDTF">2019-04-19T06:38:40Z</dcterms:created>
  <dcterms:modified xsi:type="dcterms:W3CDTF">2020-02-15T00:14:05Z</dcterms:modified>
</cp:coreProperties>
</file>